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4866D1" w:rsidTr="003E2402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:rsidR="00E856D2" w:rsidRPr="00596959" w:rsidRDefault="00C179C5" w:rsidP="003E2402">
            <w:pPr>
              <w:pStyle w:val="EPName"/>
            </w:pPr>
            <w:bookmarkStart w:id="0" w:name="_GoBack"/>
            <w:bookmarkEnd w:id="0"/>
            <w:r>
              <w:t>Parlamento europeo</w:t>
            </w:r>
          </w:p>
          <w:p w:rsidR="00E856D2" w:rsidRPr="00596959" w:rsidRDefault="00C179C5" w:rsidP="00596959">
            <w:pPr>
              <w:pStyle w:val="EPTerm"/>
              <w:rPr>
                <w:rStyle w:val="HideTWBExt"/>
                <w:noProof w:val="0"/>
                <w:vanish w:val="0"/>
                <w:color w:val="auto"/>
              </w:rPr>
            </w:pPr>
            <w:r>
              <w:t>2019-2024</w:t>
            </w:r>
          </w:p>
        </w:tc>
        <w:tc>
          <w:tcPr>
            <w:tcW w:w="2268" w:type="dxa"/>
            <w:shd w:val="clear" w:color="auto" w:fill="auto"/>
          </w:tcPr>
          <w:p w:rsidR="00E856D2" w:rsidRPr="00596959" w:rsidRDefault="00C179C5" w:rsidP="003E2402">
            <w:pPr>
              <w:pStyle w:val="EPLogo"/>
            </w:pPr>
            <w:r w:rsidRPr="00596959">
              <w:rPr>
                <w:noProof/>
                <w:lang w:val="en-GB"/>
              </w:rPr>
              <w:drawing>
                <wp:inline distT="0" distB="0" distL="0" distR="0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4713465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1746D0" w:rsidRPr="00596959" w:rsidRDefault="001746D0" w:rsidP="001746D0">
      <w:pPr>
        <w:pStyle w:val="LineTop"/>
      </w:pPr>
    </w:p>
    <w:p w:rsidR="001746D0" w:rsidRPr="00596959" w:rsidRDefault="00C179C5" w:rsidP="001746D0">
      <w:pPr>
        <w:pStyle w:val="EPBody"/>
      </w:pPr>
      <w:r>
        <w:rPr>
          <w:rStyle w:val="HideTWBExt"/>
        </w:rPr>
        <w:t>&lt;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  <w:r>
        <w:rPr>
          <w:rStyle w:val="HideTWBInt"/>
          <w:color w:val="auto"/>
        </w:rPr>
        <w:t>{LIBE}</w:t>
      </w:r>
      <w:r>
        <w:t>Commissione per le libertà civili, la giustizia e gli affari interni</w:t>
      </w:r>
      <w:r>
        <w:rPr>
          <w:rStyle w:val="HideTWBExt"/>
        </w:rPr>
        <w:t>&lt;/</w:t>
      </w:r>
      <w:r>
        <w:rPr>
          <w:rStyle w:val="HideTWBExt"/>
          <w:i w:val="0"/>
        </w:rPr>
        <w:t>Commission</w:t>
      </w:r>
      <w:r>
        <w:rPr>
          <w:rStyle w:val="HideTWBExt"/>
        </w:rPr>
        <w:t>&gt;</w:t>
      </w:r>
    </w:p>
    <w:p w:rsidR="001746D0" w:rsidRPr="00596959" w:rsidRDefault="001746D0" w:rsidP="001746D0">
      <w:pPr>
        <w:pStyle w:val="LineBottom"/>
      </w:pPr>
    </w:p>
    <w:p w:rsidR="002E2F2E" w:rsidRPr="00596959" w:rsidRDefault="00C179C5">
      <w:pPr>
        <w:pStyle w:val="CoverReference"/>
      </w:pPr>
      <w:r>
        <w:rPr>
          <w:rStyle w:val="HideTWBExt"/>
          <w:b w:val="0"/>
        </w:rPr>
        <w:t>&lt;RefProc&gt;</w:t>
      </w:r>
      <w:r>
        <w:t>2019/2096(DEC)</w:t>
      </w:r>
      <w:r>
        <w:rPr>
          <w:rStyle w:val="HideTWBExt"/>
          <w:b w:val="0"/>
        </w:rPr>
        <w:t>&lt;/RefProc&gt;</w:t>
      </w:r>
    </w:p>
    <w:p w:rsidR="002E2F2E" w:rsidRPr="00596959" w:rsidRDefault="00C179C5">
      <w:pPr>
        <w:pStyle w:val="CoverDate"/>
      </w:pPr>
      <w:r>
        <w:rPr>
          <w:rStyle w:val="HideTWBExt"/>
        </w:rPr>
        <w:t>&lt;Date&gt;</w:t>
      </w:r>
      <w:r>
        <w:rPr>
          <w:rStyle w:val="HideTWBInt"/>
          <w:color w:val="auto"/>
        </w:rPr>
        <w:t>{26/11/2019}</w:t>
      </w:r>
      <w:r>
        <w:t>26.11.2019</w:t>
      </w:r>
      <w:r>
        <w:rPr>
          <w:rStyle w:val="HideTWBExt"/>
        </w:rPr>
        <w:t>&lt;/Date&gt;</w:t>
      </w:r>
    </w:p>
    <w:p w:rsidR="002E2F2E" w:rsidRPr="00596959" w:rsidRDefault="00C179C5">
      <w:pPr>
        <w:pStyle w:val="CoverDocType24a"/>
      </w:pPr>
      <w:r>
        <w:rPr>
          <w:rStyle w:val="HideTWBExt"/>
          <w:b w:val="0"/>
        </w:rPr>
        <w:t>&lt;TitreType&gt;</w:t>
      </w:r>
      <w:r>
        <w:t>PROGETTO DI PARERE</w:t>
      </w:r>
      <w:r>
        <w:rPr>
          <w:rStyle w:val="HideTWBExt"/>
          <w:b w:val="0"/>
        </w:rPr>
        <w:t>&lt;/TitreType&gt;</w:t>
      </w:r>
    </w:p>
    <w:p w:rsidR="002E2F2E" w:rsidRPr="00596959" w:rsidRDefault="00C179C5">
      <w:pPr>
        <w:pStyle w:val="CoverNormal24a"/>
      </w:pPr>
      <w:r>
        <w:rPr>
          <w:rStyle w:val="HideTWBExt"/>
        </w:rPr>
        <w:t>&lt;CommissionResp&gt;</w:t>
      </w:r>
      <w:r>
        <w:t>della commissione per le libertà civili, la giustizia e gli affari interni</w:t>
      </w:r>
      <w:r>
        <w:rPr>
          <w:rStyle w:val="HideTWBExt"/>
        </w:rPr>
        <w:t>&lt;/CommissionResp&gt;</w:t>
      </w:r>
    </w:p>
    <w:p w:rsidR="002E2F2E" w:rsidRPr="00596959" w:rsidRDefault="00C179C5">
      <w:pPr>
        <w:pStyle w:val="CoverNormal24a"/>
      </w:pPr>
      <w:r>
        <w:rPr>
          <w:rStyle w:val="HideTWBExt"/>
        </w:rPr>
        <w:t>&lt;CommissionInt&gt;</w:t>
      </w:r>
      <w:r>
        <w:t>destinato alla commissione per il controllo dei bilanci</w:t>
      </w:r>
      <w:r>
        <w:rPr>
          <w:rStyle w:val="HideTWBExt"/>
        </w:rPr>
        <w:t>&lt;/CommissionInt&gt;</w:t>
      </w:r>
    </w:p>
    <w:p w:rsidR="002E2F2E" w:rsidRPr="00596959" w:rsidRDefault="00C179C5">
      <w:pPr>
        <w:pStyle w:val="CoverNormal"/>
      </w:pPr>
      <w:r>
        <w:rPr>
          <w:rStyle w:val="HideTWBExt"/>
        </w:rPr>
        <w:t>&lt;Titre&gt;</w:t>
      </w:r>
      <w:r>
        <w:t>sul discarico per l'esecuzione del bilancio dell'Uffic</w:t>
      </w:r>
      <w:r>
        <w:t>io europeo di sostegno per l'asilo per l'esercizio 2018</w:t>
      </w:r>
      <w:r>
        <w:rPr>
          <w:rStyle w:val="HideTWBExt"/>
        </w:rPr>
        <w:t>&lt;/Titre&gt;</w:t>
      </w:r>
    </w:p>
    <w:p w:rsidR="002E2F2E" w:rsidRPr="00596959" w:rsidRDefault="00C179C5">
      <w:pPr>
        <w:pStyle w:val="CoverNormal24a"/>
      </w:pPr>
      <w:r>
        <w:rPr>
          <w:rStyle w:val="HideTWBExt"/>
        </w:rPr>
        <w:t>&lt;DocRef&gt;</w:t>
      </w:r>
      <w:r>
        <w:t>(2019/2096(DEC))</w:t>
      </w:r>
      <w:r>
        <w:rPr>
          <w:rStyle w:val="HideTWBExt"/>
        </w:rPr>
        <w:t>&lt;/DocRef&gt;</w:t>
      </w:r>
    </w:p>
    <w:p w:rsidR="002E2F2E" w:rsidRPr="00596959" w:rsidRDefault="00C179C5">
      <w:pPr>
        <w:pStyle w:val="CoverNormal24a"/>
      </w:pPr>
      <w:r>
        <w:t xml:space="preserve">Relatrice per parere: </w:t>
      </w:r>
      <w:r>
        <w:rPr>
          <w:rStyle w:val="HideTWBExt"/>
        </w:rPr>
        <w:t>&lt;Depute&gt;</w:t>
      </w:r>
      <w:r>
        <w:t>Roberta Metsola</w:t>
      </w:r>
      <w:r>
        <w:rPr>
          <w:rStyle w:val="HideTWBExt"/>
        </w:rPr>
        <w:t>&lt;/Depute&gt;</w:t>
      </w:r>
    </w:p>
    <w:p w:rsidR="00A72C35" w:rsidRPr="00596959" w:rsidRDefault="00A72C35" w:rsidP="00A72C35">
      <w:pPr>
        <w:pStyle w:val="CoverNormal"/>
      </w:pPr>
    </w:p>
    <w:p w:rsidR="002E2F2E" w:rsidRPr="00596959" w:rsidRDefault="00C179C5" w:rsidP="00E856D2">
      <w:pPr>
        <w:widowControl/>
        <w:tabs>
          <w:tab w:val="center" w:pos="4677"/>
        </w:tabs>
      </w:pPr>
      <w:r>
        <w:br w:type="page"/>
      </w:r>
      <w:r>
        <w:lastRenderedPageBreak/>
        <w:t>PA_NonLeg</w:t>
      </w:r>
    </w:p>
    <w:p w:rsidR="002E2F2E" w:rsidRPr="00596959" w:rsidRDefault="00C179C5">
      <w:pPr>
        <w:pStyle w:val="PageHeadingNotTOC"/>
      </w:pPr>
      <w:r>
        <w:br w:type="page"/>
      </w:r>
      <w:r>
        <w:lastRenderedPageBreak/>
        <w:t>SUGGERIMENTI</w:t>
      </w:r>
    </w:p>
    <w:p w:rsidR="002E2F2E" w:rsidRPr="00596959" w:rsidRDefault="00C179C5" w:rsidP="008313E7">
      <w:pPr>
        <w:pStyle w:val="Normal12a"/>
      </w:pPr>
      <w:r>
        <w:t xml:space="preserve">La commissione per le libertà civili, la giustizia e gli affari interni </w:t>
      </w:r>
      <w:r>
        <w:t>invita la commissione per il controllo dei bilanci, competente per il merito, a includere nella proposta di risoluzione che approverà i seguenti suggerimenti:</w:t>
      </w:r>
    </w:p>
    <w:p w:rsidR="00596959" w:rsidRPr="00596959" w:rsidRDefault="00C179C5" w:rsidP="00596959">
      <w:pPr>
        <w:pStyle w:val="Normal12Hanging"/>
        <w:ind w:left="720" w:hanging="720"/>
      </w:pPr>
      <w:bookmarkStart w:id="1" w:name="restart"/>
      <w:r>
        <w:t>1.</w:t>
      </w:r>
      <w:r>
        <w:tab/>
        <w:t>sottolinea che l'Ufficio europeo di sostegno per l'asilo ("l'EASO" o "l'Ufficio") contribuisce</w:t>
      </w:r>
      <w:r>
        <w:t xml:space="preserve"> a rafforzare la cooperazione pratica tra gli Stati membri in materia di asilo in Europa, assiste gli Stati membri nell'assolvimento dei loro obblighi e funge da centro di consulenza sull'asilo;</w:t>
      </w:r>
    </w:p>
    <w:p w:rsidR="00596959" w:rsidRPr="00596959" w:rsidRDefault="00C179C5" w:rsidP="00596959">
      <w:pPr>
        <w:pStyle w:val="Normal12Hanging"/>
        <w:ind w:left="720" w:hanging="720"/>
      </w:pPr>
      <w:r>
        <w:t>2.</w:t>
      </w:r>
      <w:r>
        <w:tab/>
        <w:t>ricorda le irregolarità in seno all'EASO segnalate nel 201</w:t>
      </w:r>
      <w:r>
        <w:t>7 dall'Ufficio europeo per la lotta antifrode (OLAF) e le raccomandazioni in materia disciplinare rivolte dall'OLAF al consiglio di amministrazione dell'EASO, la decisione di detto consiglio di amministrazione, in data 6 giugno 2018, di sollevare il dirett</w:t>
      </w:r>
      <w:r>
        <w:t xml:space="preserve">ore esecutivo dalle sue funzioni con effetto immediato, la nomina di un direttore esecutivo ad interim il 6 giugno 2018 e la nomina di un nuovo direttore esecutivo il 16 giugno 2019; </w:t>
      </w:r>
    </w:p>
    <w:p w:rsidR="00596959" w:rsidRPr="00596959" w:rsidRDefault="00C179C5" w:rsidP="00596959">
      <w:pPr>
        <w:pStyle w:val="Normal12Hanging"/>
        <w:ind w:left="720" w:hanging="720"/>
      </w:pPr>
      <w:r>
        <w:t>3.</w:t>
      </w:r>
      <w:r>
        <w:tab/>
        <w:t xml:space="preserve">accoglie positivamente il fatto che la Corte dei conti ("la Corte") </w:t>
      </w:r>
      <w:r>
        <w:t>abbia dichiarato legittime e regolari, sotto tutti gli aspetti rilevanti, le operazioni alla base dei conti annuali dell'EASO per l'esercizio 2018 e che la posizione finanziaria dell'Ufficio al 31 dicembre 2018 sia rappresentata fedelmente; sottolinea, tut</w:t>
      </w:r>
      <w:r>
        <w:t>tavia, che la Corte ha emesso un giudizio di audit con rilievi ("positivo") sulla legittimità e regolarità dei pagamenti; prende atto della spiegazione della Corte secondo cui il giudizio con rilievi è stato emesso in relazione al lento miglioramento dell'</w:t>
      </w:r>
      <w:r>
        <w:t>insoddisfacente situazione segnalata relativamente all'esercizio 2017 per quanto attiene alla governance e alle modalità di controllo interno dell'Ufficio, che risulta da un altro importante appalto pubblico irregolare, e alla legittimità e regolarità dell</w:t>
      </w:r>
      <w:r>
        <w:t>e operazioni;</w:t>
      </w:r>
    </w:p>
    <w:p w:rsidR="00596959" w:rsidRPr="00596959" w:rsidRDefault="00C179C5" w:rsidP="00596959">
      <w:pPr>
        <w:pStyle w:val="Normal12Hanging"/>
        <w:ind w:left="720" w:hanging="720"/>
      </w:pPr>
      <w:r>
        <w:t>4.</w:t>
      </w:r>
      <w:r>
        <w:tab/>
        <w:t>prende atto del fatto che il bilancio dell'EASO è stato aumentato in misura sostanziale ed è passato da 79 milioni di EUR a 98 milioni di EUR (+24 %), mentre il personale è passato solo da 200 a 207 unità (+3,5 %); è preoccupato dinanzi al</w:t>
      </w:r>
      <w:r>
        <w:t xml:space="preserve">la constatazione della Corte secondo cui nel bilancio dell'EASO manca una riserva rischi per far fronte a esigenze operative urgenti e impreviste; invita l'Ufficio ad affrontare questa situazione consultandosi con le autorità di bilancio e la Commissione, </w:t>
      </w:r>
      <w:r>
        <w:t>soprattutto alla luce della natura dell'attività operativa dell'EASO;</w:t>
      </w:r>
    </w:p>
    <w:p w:rsidR="00596959" w:rsidRPr="00596959" w:rsidRDefault="00C179C5" w:rsidP="00596959">
      <w:pPr>
        <w:pStyle w:val="Normal12Hanging"/>
        <w:ind w:left="720" w:hanging="720"/>
      </w:pPr>
      <w:r>
        <w:t>5.</w:t>
      </w:r>
      <w:r>
        <w:tab/>
        <w:t>è allarmato dalla constatazione della Corte secondo cui la situazione delle risorse umane nell'Ufficio è peggiorata in maniera esponenziale alla fine del 2017 e la maggior parte dei p</w:t>
      </w:r>
      <w:r>
        <w:t>osti vacanti, in particolare per dirigenti del dipartimento Amministrazione, non era ancora coperta alla fine del 2018;</w:t>
      </w:r>
    </w:p>
    <w:p w:rsidR="00596959" w:rsidRPr="00596959" w:rsidRDefault="00C179C5" w:rsidP="00596959">
      <w:pPr>
        <w:pStyle w:val="Normal12Hanging"/>
        <w:ind w:left="720" w:hanging="720"/>
      </w:pPr>
      <w:r>
        <w:t>6.</w:t>
      </w:r>
      <w:r>
        <w:tab/>
        <w:t>si rammarica della forte dipendenza dell'EASO dai lavoratori interinali volta a compensare la mancanza di esperti nazionali distaccat</w:t>
      </w:r>
      <w:r>
        <w:t>i che gli Stati membri sono tenuti a inviare nel quadro del regolamento dell'EASO; incoraggia l'Ufficio a dare seguito alla raccomandazione della Corte di analizzare, unitamente alle autorità di bilancio, l'efficienza in termini di costi del personale este</w:t>
      </w:r>
      <w:r>
        <w:t xml:space="preserve">rno rispetto al personale statutario e di accertarsi che il quadro giuridico applicabile sia pienamente rispettato, </w:t>
      </w:r>
      <w:r>
        <w:lastRenderedPageBreak/>
        <w:t>in particolare per quanto riguarda le condizioni di lavoro; ritiene in ogni caso che il personale dell'EASO dovrebbe essere aumentato per co</w:t>
      </w:r>
      <w:r>
        <w:t xml:space="preserve">nsentire all'Ufficio di svolgere correttamente i compiti affidatigli; accoglie con favore, a questo proposito, l'ambizioso piano di assunzioni predisposto nel frattempo e il suo impatto positivo sulla copertura dei posti vacanti; </w:t>
      </w:r>
    </w:p>
    <w:p w:rsidR="00596959" w:rsidRPr="00596959" w:rsidRDefault="00C179C5" w:rsidP="00596959">
      <w:pPr>
        <w:pStyle w:val="Normal12Hanging"/>
        <w:ind w:left="720" w:hanging="720"/>
      </w:pPr>
      <w:r>
        <w:t>7.</w:t>
      </w:r>
      <w:r>
        <w:tab/>
        <w:t>si rammarica della seg</w:t>
      </w:r>
      <w:r>
        <w:t>nalazione della Corte secondo cui il rispetto da parte dell'Ufficio dell'obiettivo di riduzione del 5 % del personale ha determinato carenze nel settore dei servizi informatici sia in Grecia che in Italia; osserva con preoccupazione che l'Ufficio ricorre a</w:t>
      </w:r>
      <w:r>
        <w:t xml:space="preserve"> contratti di servizi per la prestazione di servizi informatici e di altri servizi di consulenza che sono formulati in un modo che potrebbe comportare l'assegnazione di lavoratori interinali anziché la fornitura di servizi o prodotti chiaramente definiti; </w:t>
      </w:r>
      <w:r>
        <w:t>riconosce che la natura delle operazioni dell'Ufficio rende difficile prevedere i tempi e la durata dei contratti pertinenti, ma invita l'EASO a garantire che i contratti siano formulati in modo da evitare qualsiasi confusione tra l'appalto di servizi info</w:t>
      </w:r>
      <w:r>
        <w:t>rmatici e la messa a disposizione di lavoratori interinali;</w:t>
      </w:r>
    </w:p>
    <w:p w:rsidR="00596959" w:rsidRPr="00596959" w:rsidRDefault="00C179C5" w:rsidP="00596959">
      <w:pPr>
        <w:spacing w:after="240"/>
        <w:ind w:left="720" w:hanging="720"/>
      </w:pPr>
      <w:r>
        <w:t>8.</w:t>
      </w:r>
      <w:r>
        <w:tab/>
        <w:t>prende atto delle risposte dell'EASO alle osservazioni della Corte e degli sforzi compiuti per affrontarle nell'ambito della nuova direzione esecutiva, tra l'altro dando priorità alla conclusio</w:t>
      </w:r>
      <w:r>
        <w:t xml:space="preserve">ne di accordi di accoglienza con l'Italia, la Grecia e Cipro, aumentando la trasparenza delle procedure di assunzione e rafforzando la funzione giuridica nel corso del 2019; </w:t>
      </w:r>
    </w:p>
    <w:p w:rsidR="002E2F2E" w:rsidRPr="00596959" w:rsidRDefault="00C179C5" w:rsidP="00044F0D">
      <w:pPr>
        <w:pStyle w:val="NormalHanging12a"/>
        <w:ind w:left="720" w:hanging="720"/>
      </w:pPr>
      <w:r>
        <w:t>9.</w:t>
      </w:r>
      <w:r>
        <w:tab/>
      </w:r>
      <w:r>
        <w:t>riconosce gli sforzi compiuti dall'Ufficio per riformare la propria governance</w:t>
      </w:r>
      <w:r>
        <w:t xml:space="preserve"> attraverso il piano d'azione per la governance dell'EASO, approvato dal consiglio di amministrazione nel 2018; osserva che circa la metà delle azioni correttive avviate dalla direzione dell'Ufficio deve ancora essere completata; accoglie con favore, in pa</w:t>
      </w:r>
      <w:r>
        <w:t xml:space="preserve">rticolare, le azioni correttive messe in atto per quanto riguarda le norme di controllo interno; invita l'EASO a migliorare ulteriormente i suoi processi di controllo interno prestando particolare attenzione all'introduzione di una "politica in materia di </w:t>
      </w:r>
      <w:r>
        <w:t>posti sensibili", compresa un'attenuazione dei meccanismi di controllo e della mobilità del personale per gestire meglio i rischi associati alle funzioni sensibili.</w:t>
      </w:r>
    </w:p>
    <w:bookmarkEnd w:id="1"/>
    <w:p w:rsidR="002E6F98" w:rsidRPr="00596959" w:rsidRDefault="002E6F98">
      <w:pPr>
        <w:widowControl/>
        <w:tabs>
          <w:tab w:val="left" w:pos="-720"/>
        </w:tabs>
      </w:pPr>
    </w:p>
    <w:sectPr w:rsidR="002E6F98" w:rsidRPr="00596959" w:rsidSect="0052544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0000" w:rsidRDefault="00C179C5">
      <w:r>
        <w:separator/>
      </w:r>
    </w:p>
  </w:endnote>
  <w:endnote w:type="continuationSeparator" w:id="0">
    <w:p w:rsidR="00000000" w:rsidRDefault="00C179C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0000000" w:usb1="00000000" w:usb2="00000000" w:usb3="00000000" w:csb0="0001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596959" w:rsidRDefault="00C179C5" w:rsidP="00347D2C">
    <w:pPr>
      <w:pStyle w:val="EPFooter"/>
    </w:pPr>
    <w:r w:rsidRPr="00596959">
      <w:t>PE</w:t>
    </w:r>
    <w:r w:rsidRPr="00596959">
      <w:rPr>
        <w:rStyle w:val="HideTWBExt"/>
        <w:noProof w:val="0"/>
      </w:rPr>
      <w:t>&lt;NoPE&gt;</w:t>
    </w:r>
    <w:r w:rsidR="00596959" w:rsidRPr="00596959">
      <w:t>643.080</w:t>
    </w:r>
    <w:r w:rsidRPr="00596959">
      <w:rPr>
        <w:rStyle w:val="HideTWBExt"/>
        <w:noProof w:val="0"/>
      </w:rPr>
      <w:t>&lt;/NoPE&gt;&lt;Version&gt;</w:t>
    </w:r>
    <w:r w:rsidR="00F50A07" w:rsidRPr="00596959">
      <w:t>v</w:t>
    </w:r>
    <w:r w:rsidR="00596959" w:rsidRPr="00596959">
      <w:t>01-00</w:t>
    </w:r>
    <w:r w:rsidRPr="00596959">
      <w:rPr>
        <w:rStyle w:val="HideTWBExt"/>
        <w:noProof w:val="0"/>
      </w:rPr>
      <w:t>&lt;/Version&gt;</w:t>
    </w:r>
    <w:r w:rsidRPr="00596959">
      <w:tab/>
    </w:r>
    <w:r w:rsidR="006102E7" w:rsidRPr="00596959">
      <w:fldChar w:fldCharType="begin"/>
    </w:r>
    <w:r w:rsidR="006102E7" w:rsidRPr="00596959">
      <w:instrText xml:space="preserve"> PAGE </w:instrText>
    </w:r>
    <w:r w:rsidR="006102E7" w:rsidRPr="00596959">
      <w:fldChar w:fldCharType="separate"/>
    </w:r>
    <w:r>
      <w:rPr>
        <w:noProof/>
      </w:rPr>
      <w:t>4</w:t>
    </w:r>
    <w:r w:rsidR="006102E7" w:rsidRPr="00596959">
      <w:fldChar w:fldCharType="end"/>
    </w:r>
    <w:r w:rsidR="006102E7" w:rsidRPr="00596959">
      <w:t>/</w:t>
    </w:r>
    <w:r w:rsidR="008C5DA2">
      <w:fldChar w:fldCharType="begin"/>
    </w:r>
    <w:r>
      <w:instrText xml:space="preserve"> NUMPAGES </w:instrText>
    </w:r>
    <w:r w:rsidR="008C5DA2">
      <w:fldChar w:fldCharType="separate"/>
    </w:r>
    <w:r>
      <w:rPr>
        <w:noProof/>
      </w:rPr>
      <w:t>4</w:t>
    </w:r>
    <w:r w:rsidR="008C5DA2">
      <w:rPr>
        <w:noProof/>
      </w:rPr>
      <w:fldChar w:fldCharType="end"/>
    </w:r>
    <w:r w:rsidRPr="00596959">
      <w:tab/>
    </w:r>
    <w:r w:rsidRPr="00596959">
      <w:rPr>
        <w:rStyle w:val="HideTWBExt"/>
        <w:noProof w:val="0"/>
      </w:rPr>
      <w:t>&lt;PathFdR&gt;</w:t>
    </w:r>
    <w:r w:rsidR="00596959" w:rsidRPr="00596959">
      <w:t>PA\1192092IT.docx</w:t>
    </w:r>
    <w:r w:rsidRPr="00596959">
      <w:rPr>
        <w:rStyle w:val="HideTWBExt"/>
        <w:noProof w:val="0"/>
      </w:rPr>
      <w:t>&lt;/PathFdR&gt;</w:t>
    </w:r>
  </w:p>
  <w:p w:rsidR="002E2F2E" w:rsidRPr="00596959" w:rsidRDefault="00C179C5">
    <w:pPr>
      <w:pStyle w:val="EPFooter2"/>
    </w:pP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596959" w:rsidRDefault="00C179C5" w:rsidP="00347D2C">
    <w:pPr>
      <w:pStyle w:val="EPFooter"/>
    </w:pPr>
    <w:r w:rsidRPr="00596959">
      <w:rPr>
        <w:rStyle w:val="HideTWBExt"/>
        <w:noProof w:val="0"/>
      </w:rPr>
      <w:t>&lt;PathFdR&gt;</w:t>
    </w:r>
    <w:r w:rsidR="00596959" w:rsidRPr="00596959">
      <w:t>PA\1192092IT.docx</w:t>
    </w:r>
    <w:r w:rsidRPr="00596959">
      <w:rPr>
        <w:rStyle w:val="HideTWBExt"/>
        <w:noProof w:val="0"/>
      </w:rPr>
      <w:t>&lt;/PathFdR&gt;</w:t>
    </w:r>
    <w:r w:rsidRPr="00596959">
      <w:tab/>
    </w:r>
    <w:r w:rsidR="006102E7" w:rsidRPr="00596959">
      <w:fldChar w:fldCharType="begin"/>
    </w:r>
    <w:r w:rsidR="006102E7" w:rsidRPr="00596959">
      <w:instrText xml:space="preserve"> PAGE </w:instrText>
    </w:r>
    <w:r w:rsidR="006102E7" w:rsidRPr="00596959">
      <w:fldChar w:fldCharType="separate"/>
    </w:r>
    <w:r>
      <w:rPr>
        <w:noProof/>
      </w:rPr>
      <w:t>4</w:t>
    </w:r>
    <w:r w:rsidR="006102E7" w:rsidRPr="00596959">
      <w:fldChar w:fldCharType="end"/>
    </w:r>
    <w:r w:rsidR="006102E7" w:rsidRPr="00596959">
      <w:t>/</w:t>
    </w:r>
    <w:r w:rsidR="008C5DA2">
      <w:fldChar w:fldCharType="begin"/>
    </w:r>
    <w:r>
      <w:instrText xml:space="preserve"> NUMPAGES </w:instrText>
    </w:r>
    <w:r w:rsidR="008C5DA2">
      <w:fldChar w:fldCharType="separate"/>
    </w:r>
    <w:r>
      <w:rPr>
        <w:noProof/>
      </w:rPr>
      <w:t>4</w:t>
    </w:r>
    <w:r w:rsidR="008C5DA2">
      <w:rPr>
        <w:noProof/>
      </w:rPr>
      <w:fldChar w:fldCharType="end"/>
    </w:r>
    <w:r w:rsidRPr="00596959">
      <w:tab/>
    </w:r>
    <w:r w:rsidR="005D60C6" w:rsidRPr="00596959">
      <w:t>PE</w:t>
    </w:r>
    <w:r w:rsidRPr="00596959">
      <w:rPr>
        <w:rStyle w:val="HideTWBExt"/>
        <w:noProof w:val="0"/>
      </w:rPr>
      <w:t>&lt;NoPE&gt;</w:t>
    </w:r>
    <w:r w:rsidR="00596959" w:rsidRPr="00596959">
      <w:t>643.080</w:t>
    </w:r>
    <w:r w:rsidRPr="00596959">
      <w:rPr>
        <w:rStyle w:val="HideTWBExt"/>
        <w:noProof w:val="0"/>
      </w:rPr>
      <w:t>&lt;/NoPE&gt;&lt;Version&gt;</w:t>
    </w:r>
    <w:r w:rsidR="00F50A07" w:rsidRPr="00596959">
      <w:t>v</w:t>
    </w:r>
    <w:r w:rsidR="00596959" w:rsidRPr="00596959">
      <w:t>01-00</w:t>
    </w:r>
    <w:r w:rsidRPr="00596959">
      <w:rPr>
        <w:rStyle w:val="HideTWBExt"/>
        <w:noProof w:val="0"/>
      </w:rPr>
      <w:t>&lt;/Version&gt;</w:t>
    </w:r>
  </w:p>
  <w:p w:rsidR="002E2F2E" w:rsidRPr="00596959" w:rsidRDefault="00C179C5">
    <w:pPr>
      <w:pStyle w:val="EPFooter2"/>
    </w:pPr>
    <w:r w:rsidRPr="00596959">
      <w:tab/>
    </w:r>
    <w:r w:rsidRPr="00596959">
      <w:tab/>
    </w:r>
    <w:r w:rsidR="00596959">
      <w:fldChar w:fldCharType="begin"/>
    </w:r>
    <w:r>
      <w:instrText xml:space="preserve"> DOCPROPERTY "</w:instrText>
    </w:r>
    <w:r>
      <w:instrText xml:space="preserve">&lt;Extension&gt;" </w:instrText>
    </w:r>
    <w:r w:rsidR="00596959">
      <w:fldChar w:fldCharType="separate"/>
    </w:r>
    <w:r>
      <w:t>IT</w:t>
    </w:r>
    <w:r w:rsidR="00596959"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E2F2E" w:rsidRPr="00596959" w:rsidRDefault="00C179C5" w:rsidP="00347D2C">
    <w:pPr>
      <w:pStyle w:val="EPFooter"/>
    </w:pPr>
    <w:r w:rsidRPr="00596959">
      <w:rPr>
        <w:rStyle w:val="HideTWBExt"/>
        <w:noProof w:val="0"/>
      </w:rPr>
      <w:t>&lt;PathFdR&gt;</w:t>
    </w:r>
    <w:r w:rsidR="00596959" w:rsidRPr="00596959">
      <w:t>PA\1192092IT.docx</w:t>
    </w:r>
    <w:r w:rsidRPr="00596959">
      <w:rPr>
        <w:rStyle w:val="HideTWBExt"/>
        <w:noProof w:val="0"/>
      </w:rPr>
      <w:t>&lt;/PathFdR&gt;</w:t>
    </w:r>
    <w:r w:rsidRPr="00596959">
      <w:tab/>
    </w:r>
    <w:r w:rsidRPr="00596959">
      <w:tab/>
    </w:r>
    <w:r w:rsidR="005D60C6" w:rsidRPr="00596959">
      <w:t>PE</w:t>
    </w:r>
    <w:r w:rsidRPr="00596959">
      <w:rPr>
        <w:rStyle w:val="HideTWBExt"/>
        <w:noProof w:val="0"/>
      </w:rPr>
      <w:t>&lt;NoPE&gt;</w:t>
    </w:r>
    <w:r w:rsidR="00596959" w:rsidRPr="00596959">
      <w:t>643.080</w:t>
    </w:r>
    <w:r w:rsidRPr="00596959">
      <w:rPr>
        <w:rStyle w:val="HideTWBExt"/>
        <w:noProof w:val="0"/>
      </w:rPr>
      <w:t>&lt;/NoPE&gt;&lt;Version&gt;</w:t>
    </w:r>
    <w:r w:rsidR="00F50A07" w:rsidRPr="00596959">
      <w:t>v</w:t>
    </w:r>
    <w:r w:rsidR="00596959" w:rsidRPr="00596959">
      <w:t>01-00</w:t>
    </w:r>
    <w:r w:rsidRPr="00596959">
      <w:rPr>
        <w:rStyle w:val="HideTWBExt"/>
        <w:noProof w:val="0"/>
      </w:rPr>
      <w:t>&lt;/Version&gt;</w:t>
    </w:r>
  </w:p>
  <w:p w:rsidR="002E2F2E" w:rsidRPr="00596959" w:rsidRDefault="00C179C5" w:rsidP="001746D0">
    <w:pPr>
      <w:pStyle w:val="EPFooter2"/>
      <w:tabs>
        <w:tab w:val="clear" w:pos="4535"/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  <w:r w:rsidR="001746D0" w:rsidRPr="00596959">
      <w:tab/>
    </w:r>
    <w:r w:rsidRPr="00596959">
      <w:rPr>
        <w:b w:val="0"/>
        <w:i/>
        <w:color w:val="C0C0C0"/>
        <w:sz w:val="22"/>
        <w:szCs w:val="22"/>
      </w:rPr>
      <w:t>Unita nella diversità</w:t>
    </w:r>
    <w:r w:rsidR="001746D0" w:rsidRPr="00596959"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IT</w:t>
    </w:r>
    <w: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0000" w:rsidRDefault="00C179C5">
      <w:r>
        <w:separator/>
      </w:r>
    </w:p>
  </w:footnote>
  <w:footnote w:type="continuationSeparator" w:id="0">
    <w:p w:rsidR="00000000" w:rsidRDefault="00C179C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96959" w:rsidRDefault="0059695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96959" w:rsidRDefault="00596959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96959" w:rsidRDefault="0059695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283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UTHORMFMNU" w:val=" 2"/>
    <w:docVar w:name="CJMNU" w:val="1"/>
    <w:docVar w:name="COM2KEY" w:val="CONT"/>
    <w:docVar w:name="COMKEY" w:val="LIBE"/>
    <w:docVar w:name="LastEditedSection" w:val=" 1"/>
    <w:docVar w:name="PROCMNU" w:val=" 3"/>
    <w:docVar w:name="RepeatBlock-AmendIT" w:val="{\rtf1\adeflang1025\ansi\ansicpg1252\uc1\adeff0\deff0\stshfdbch0\stshfloch0\stshfhich0\stshfbi0\deflang1040\deflangfe1040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\lang2057\langfe2057\langnp2057\langfenp2057 }{\*\defpap _x000d__x000a_\ql \li0\ri0\widctlpar\wrapdefault\aspalpha\aspnum\faauto\adjustright\rin0\lin0\itap0 }\noqfpromote {\stylesheet{\ql \li0\ri0\widctlpar\wrapdefault\aspalpha\aspnum\faauto\adjustright\rin0\lin0\itap0 \rtlch\fcs1 \af0\afs20\alang1025 \ltrch\fcs0 _x000d__x000a_\fs24\lang2057\langfe2057\cgrid\langnp2057\langfenp2057 \snext0 \sqformat \spriority0 \styrsid7823322 Normal;}{\s1\ql \li0\ri0\sb240\keep\keepn\widctlpar\wrapdefault\aspalpha\aspnum\faauto\outlinelevel0\adjustright\rin0\lin0\itap0 \rtlch\fcs1 _x000d__x000a_\af31503\afs32\alang1025 \ltrch\fcs0 \fs32\cf17\lang2057\langfe2057\loch\f31502\hich\af31502\dbch\af31501\cgrid\langnp2057\langfenp2057 \sbasedon0 \snext0 \slink15 \ssemihidden \sqformat \spriority0 \styrsid223860 heading 1;}{\*\cs10 \additive _x000d__x000a_\ssemihidden \sunhideused \spriority1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5119740 HideTWBInt;}{_x000d__x000a_\s18\ql \fi-567\li567\ri0\sa240\nowidctlpar\wrapdefault\aspalpha\aspnum\faauto\adjustright\rin0\lin567\itap0 \rtlch\fcs1 \af0\afs20\alang1025 \ltrch\fcs0 \fs24\lang1040\langfe2057\cgrid\langnp1040\langfenp2057 _x000d__x000a_\sbasedon0 \snext18 \spriority0 \styrsid5119740 NormalHanging12a;}}{\*\rsidtbl \rsid24658\rsid223860\rsid735077\rsid1718133\rsid2892074\rsid3565327\rsid4666813\rsid5119740\rsid6641733\rsid7823322\rsid9636012\rsid10377208\rsid11215221\rsid11549030_x000d__x000a_\rsid12154954\rsid14096740\rsid14382809\rsid14424199\rsid15204470\rsid15285974\rsid15950462\rsid16324206\rsid16662270}{\mmathPr\mmathFont34\mbrkBin0\mbrkBinSub0\msmallFrac0\mdispDef1\mlMargin0\mrMargin0\mdefJc1\mwrapIndent1440\mintLim0\mnaryLim1}{\info_x000d__x000a_{\author BUGGIANI Giovanna}{\operator BUGGIANI Giovanna}{\creatim\yr2019\mo11\dy12\hr14\min36}{\revtim\yr2019\mo11\dy12\hr14\min36}{\version1}{\edmins0}{\nofpages1}{\nofwords1}{\nofchars17}{\nofcharsws17}{\vern99}}{\*\xmlnstbl {\xmlns1 http://schemas.micr_x000d__x000a_osoft.com/office/word/2003/wordml}}\paperw11906\paperh16838\margl1418\margr1418\margt1134\margb1418\gutter0\ltrsect _x000d__x000a_\facingp\widowctrl\ftnbj\aenddoc\ftnrestart\hyphhotz283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5119740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GBUGGI~1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409674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09674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09674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096740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5119740 \rtlch\fcs1 \af0\afs20\alang1025 \ltrch\fcs0 \fs24\lang1040\langfe2057\cgrid\langnp1040\langfenp2057 {\rtlch\fcs1 \af0 _x000d__x000a_\ltrch\fcs0 \insrsid5119740\charrsid665574 {\*\bkmkstart restart}#}{\rtlch\fcs1 \af1 \ltrch\fcs0 \cs17\v\f1\fs20\cf15\insrsid5119740\charrsid665574 NRMSG}{\rtlch\fcs1 \af0 \ltrch\fcs0 \insrsid5119740\charrsid665574 #.\tab #}{\rtlch\fcs1 \af1 \ltrch\fcs0 _x000d__x000a_\cs17\v\f1\fs20\cf15\insrsid5119740\charrsid665574 TESTO}{\rtlch\fcs1 \af0 \ltrch\fcs0 \insrsid5119740\charrsid665574 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57_x000d__x000a_bf255e99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192"/>
    <w:docVar w:name="TXTLANGUE" w:val="IT"/>
    <w:docVar w:name="TXTLANGUEMIN" w:val="it"/>
    <w:docVar w:name="TXTNRPE" w:val="643.080"/>
    <w:docVar w:name="TXTNRPROC" w:val="2019/2096"/>
    <w:docVar w:name="TXTPEorAP" w:val="PE"/>
    <w:docVar w:name="TXTROUTE" w:val="PA\1192092IT.docx"/>
    <w:docVar w:name="TXTTITLE" w:val="on discharge in respect of the implementation of the budget of the European Asylum Support Office for the financial year 2018"/>
    <w:docVar w:name="TXTVERSION" w:val="01-00"/>
  </w:docVars>
  <w:rsids>
    <w:rsidRoot w:val="00F50A07"/>
    <w:rsid w:val="00044F0D"/>
    <w:rsid w:val="000E7EBF"/>
    <w:rsid w:val="00124F60"/>
    <w:rsid w:val="00135121"/>
    <w:rsid w:val="00140BE6"/>
    <w:rsid w:val="00147F4E"/>
    <w:rsid w:val="0016635E"/>
    <w:rsid w:val="001746D0"/>
    <w:rsid w:val="001B7393"/>
    <w:rsid w:val="001D2ED9"/>
    <w:rsid w:val="002D28A7"/>
    <w:rsid w:val="002E2F2E"/>
    <w:rsid w:val="002E6F98"/>
    <w:rsid w:val="00325BCB"/>
    <w:rsid w:val="00331944"/>
    <w:rsid w:val="00332AD9"/>
    <w:rsid w:val="00347D2C"/>
    <w:rsid w:val="0037356F"/>
    <w:rsid w:val="00390EB2"/>
    <w:rsid w:val="00396A0E"/>
    <w:rsid w:val="003E2402"/>
    <w:rsid w:val="004866D1"/>
    <w:rsid w:val="004C28FB"/>
    <w:rsid w:val="004C44C0"/>
    <w:rsid w:val="0052544E"/>
    <w:rsid w:val="005940C3"/>
    <w:rsid w:val="00594C48"/>
    <w:rsid w:val="00596959"/>
    <w:rsid w:val="005B2F11"/>
    <w:rsid w:val="005C0BDF"/>
    <w:rsid w:val="005D60C6"/>
    <w:rsid w:val="006102E7"/>
    <w:rsid w:val="00640C1B"/>
    <w:rsid w:val="00657AFB"/>
    <w:rsid w:val="006D5BF7"/>
    <w:rsid w:val="0071383C"/>
    <w:rsid w:val="008313E7"/>
    <w:rsid w:val="008A32C5"/>
    <w:rsid w:val="008C5DA2"/>
    <w:rsid w:val="008C6203"/>
    <w:rsid w:val="008D61E7"/>
    <w:rsid w:val="008F7002"/>
    <w:rsid w:val="0099493F"/>
    <w:rsid w:val="00A16BEA"/>
    <w:rsid w:val="00A312B3"/>
    <w:rsid w:val="00A72C35"/>
    <w:rsid w:val="00AE180F"/>
    <w:rsid w:val="00B362F7"/>
    <w:rsid w:val="00B5456B"/>
    <w:rsid w:val="00B74B53"/>
    <w:rsid w:val="00BC26E4"/>
    <w:rsid w:val="00BD1EAA"/>
    <w:rsid w:val="00C179C5"/>
    <w:rsid w:val="00C52739"/>
    <w:rsid w:val="00C827FF"/>
    <w:rsid w:val="00CD34AC"/>
    <w:rsid w:val="00DE19FF"/>
    <w:rsid w:val="00E81BA6"/>
    <w:rsid w:val="00E856D2"/>
    <w:rsid w:val="00E929A7"/>
    <w:rsid w:val="00F50A07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7B20C4BD"/>
  <w15:chartTrackingRefBased/>
  <w15:docId w15:val="{95B4BA62-564A-46E8-88BD-CBB3E46B92F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it-I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semiHidden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uiPriority="39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paragraph" w:customStyle="1" w:styleId="Normal12Hanging">
    <w:name w:val="Normal12Hanging"/>
    <w:basedOn w:val="Normal"/>
    <w:link w:val="Normal12HangingChar"/>
    <w:rsid w:val="00596959"/>
    <w:pPr>
      <w:spacing w:after="240"/>
      <w:ind w:left="567" w:hanging="567"/>
    </w:pPr>
  </w:style>
  <w:style w:type="character" w:customStyle="1" w:styleId="Normal12HangingChar">
    <w:name w:val="Normal12Hanging Char"/>
    <w:link w:val="Normal12Hanging"/>
    <w:rsid w:val="00596959"/>
    <w:rPr>
      <w:sz w:val="24"/>
    </w:rPr>
  </w:style>
  <w:style w:type="paragraph" w:styleId="Footer">
    <w:name w:val="footer"/>
    <w:basedOn w:val="Normal"/>
    <w:link w:val="FooterChar"/>
    <w:semiHidden/>
    <w:rsid w:val="00596959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596959"/>
    <w:rPr>
      <w:sz w:val="24"/>
      <w:lang w:val="it-I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881</Words>
  <Characters>5413</Characters>
  <Application>Microsoft Office Word</Application>
  <DocSecurity>0</DocSecurity>
  <Lines>45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628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creator>BUGGIANI Giovanna</dc:creator>
  <cp:lastModifiedBy>RODELLA Elena</cp:lastModifiedBy>
  <cp:revision>2</cp:revision>
  <cp:lastPrinted>2004-10-28T10:33:00Z</cp:lastPrinted>
  <dcterms:created xsi:type="dcterms:W3CDTF">2019-12-04T08:43:00Z</dcterms:created>
  <dcterms:modified xsi:type="dcterms:W3CDTF">2019-12-04T08:4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IT</vt:lpwstr>
  </property>
  <property fmtid="{D5CDD505-2E9C-101B-9397-08002B2CF9AE}" pid="3" name="&lt;FdR&gt;">
    <vt:lpwstr>1192092</vt:lpwstr>
  </property>
  <property fmtid="{D5CDD505-2E9C-101B-9397-08002B2CF9AE}" pid="4" name="&lt;Model&gt;">
    <vt:lpwstr>PA_NonLeg</vt:lpwstr>
  </property>
  <property fmtid="{D5CDD505-2E9C-101B-9397-08002B2CF9AE}" pid="5" name="&lt;ModelCod&gt;">
    <vt:lpwstr>\\eiciLUXpr1\pdocep$\DocEP\DOCS\General\PA\PA_NonLeg.dotx(15/10/2019 06:17:18)</vt:lpwstr>
  </property>
  <property fmtid="{D5CDD505-2E9C-101B-9397-08002B2CF9AE}" pid="6" name="&lt;ModelTra&gt;">
    <vt:lpwstr>\\eiciLUXpr1\pdocep$\DocEP\TRANSFIL\IT\PA_NonLeg.IT(02/10/2019 10:33:03)</vt:lpwstr>
  </property>
  <property fmtid="{D5CDD505-2E9C-101B-9397-08002B2CF9AE}" pid="7" name="&lt;Type&gt;">
    <vt:lpwstr>PA</vt:lpwstr>
  </property>
  <property fmtid="{D5CDD505-2E9C-101B-9397-08002B2CF9AE}" pid="8" name="Bookout">
    <vt:lpwstr>OK - 2019/12/04 09:43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PA\1192092IT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3.080</vt:lpwstr>
  </property>
  <property fmtid="{D5CDD505-2E9C-101B-9397-08002B2CF9AE}" pid="13" name="SDLStudio">
    <vt:lpwstr/>
  </property>
</Properties>
</file>